
<file path=[Content_Types].xml><?xml version="1.0" encoding="utf-8"?>
<Types xmlns="http://schemas.openxmlformats.org/package/2006/content-types">
  <Default ContentType="application/vnd.openxmlformats-package.relationships+xml" Extension="rels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wordprocessingml.document.main+xml" PartName="/word/document.xml"/>
  <Override ContentType="application/vnd.openxmlformats-officedocument.wordprocessingml.settings+xml" PartName="/word/settings.xml"/>
</Types>
</file>

<file path=_rels/.rels><?xml version="1.0" encoding="UTF-8" standalone="no"?><Relationships xmlns="http://schemas.openxmlformats.org/package/2006/relationships"><Relationship Id="rId1" Target="word/document.xml" Type="http://schemas.openxmlformats.org/officeDocument/2006/relationships/officeDocument"/><Relationship Id="rId2" Target="docProps/app.xml" Type="http://schemas.openxmlformats.org/officeDocument/2006/relationships/extended-properties"/><Relationship Id="rId3" Target="docProps/core.xml" Type="http://schemas.openxmlformats.org/package/2006/relationships/metadata/core-properties"/></Relationships>
</file>

<file path=word/document.xml><?xml version="1.0" encoding="utf-8"?>
<w:document xmlns:w="http://schemas.openxmlformats.org/wordprocessingml/2006/main">
  <w:body>
    <w:p>
      <w:r/>
    </w:p>
    <w:p>
      <w:pPr>
        <w:jc w:val="left"/>
      </w:pPr>
      <w:r/>
      <w:r>
        <w:rPr>
          <w:rFonts w:ascii="Arial" w:hAnsi="Arial" w:cs="Arial" w:eastAsia="Arial"/>
          <w:b w:val="true"/>
          <w:color w:val="000000"/>
          <w:sz w:val="28"/>
        </w:rPr>
        <w:t/>
        <w:cr/>
        <w:t>General Linear Model</w:t>
        <w:cr/>
      </w:r>
    </w:p>
    <w:p>
      <w:r/>
    </w:p>
    <w:tbl>
      <w:tblPr>
        <w:tblW w:w="0" w:type="auto"/>
        <w:jc w:val="left"/>
        <w:tblLayout w:type="fixed"/>
      </w:tblPr>
      <w:tblGrid>
        <w:gridCol w:w="2448"/>
        <w:gridCol w:w="2788"/>
        <w:gridCol w:w="2754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No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Output Created</w:t>
            </w:r>
          </w:p>
        </w:tc>
        <w:tc>
          <w:tcPr>
            <w:hMerge w:val="continue"/>
            <w:tcBorders>
              <w:top w:val="none" w:sz="1" w:color="152935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none" w:sz="1" w:color="152935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28-APR-2024 20:28:50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omments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Input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ata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C:\Users\s1155157933\Downloads\MAIN-FULL_sb-win-size-5 (1).sav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Active Datase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DataSet1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Filter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Weight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plit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&lt;none&gt;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N of Rows in Working Data Fil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5</w:t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Missing Value Handling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Definition of Missing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User-defined missing values are treated as missing.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Cases Used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Statistics are based on all cases with valid data for all variables in the model.</w:t>
            </w:r>
          </w:p>
        </w:tc>
      </w:tr>
      <w:tr>
        <w:tc>
          <w:tcPr>
            <w:hMerge w:val="restart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Syntax</w:t>
            </w:r>
          </w:p>
        </w:tc>
        <w:tc>
          <w:tcPr>
            <w:hMerge w:val="continue"/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010205"/>
                <w:sz w:val="24"/>
              </w:rPr>
              <w:t>GLM 偏见_Semantic_Breadth 欺凌_Semantic_Breadth 精神病_Semantic_Breadth 创伤_Semantic_Breadth WITH Harm</w:t>
              <w:br/>
              <w:t>Fairness Ingroup Authority Purity</w:t>
              <w:br/>
              <w:t>/METHOD=SSTYPE(3)</w:t>
              <w:br/>
              <w:t>/INTERCEPT=INCLUDE</w:t>
              <w:br/>
              <w:t>/PRINT=DESCRIPTIVE ETASQ PARAMETER</w:t>
              <w:br/>
              <w:t>/CRITERIA=ALPHA(.05)</w:t>
              <w:br/>
              <w:t>/DESIGN=Harm Fairness Ingroup Authority Purity.</w:t>
              <w:br/>
            </w:r>
          </w:p>
        </w:tc>
      </w:tr>
      <w:tr>
        <w:tc>
          <w:tcPr>
            <w:vMerge w:val="restart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Resources</w:t>
            </w:r>
          </w:p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Processor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0</w:t>
            </w:r>
          </w:p>
        </w:tc>
      </w:tr>
      <w:tr>
        <w:tc>
          <w:tcPr>
            <w:vMerge w:val="continue"/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</w:tcBorders>
          </w:tcPr>
          <w:p/>
        </w:tc>
        <w:tc>
          <w:tcPr>
            <w:tcBorders>
              <w:top w:val="single" w:sz="1" w:color="aeaeae"/>
              <w:left w:val="none" w:sz="1" w:color="aeaeae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Elapsed Time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00:00:00.00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2703"/>
        <w:gridCol w:w="1666"/>
        <w:gridCol w:w="1666"/>
        <w:gridCol w:w="1156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30" w:before="5"/>
              <w:ind w:left="30" w:right="40"/>
              <w:jc w:val="center"/>
            </w:pPr>
            <w:r>
              <w:rPr>
                <w:rFonts w:ascii="Arial" w:hAnsi="Arial" w:cs="Arial" w:eastAsia="Arial"/>
                <w:b w:val="true"/>
                <w:color w:val="010205"/>
                <w:sz w:val="28"/>
              </w:rPr>
              <w:t>Descriptive Statistic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none" w:sz="1" w:color="152935"/>
              <w:left w:val="none" w:sz="1" w:color="152935"/>
              <w:bottom w:val="single" w:sz="1" w:color="152935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5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</w:r>
          </w:p>
        </w:tc>
        <w:tc>
          <w:tcPr>
            <w:tcBorders>
              <w:top w:val="none" w:sz="1" w:color="152935"/>
              <w:left w:val="none" w:sz="1" w:color="152935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Mean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Std. Deviation</w:t>
            </w:r>
          </w:p>
        </w:tc>
        <w:tc>
          <w:tcPr>
            <w:tcBorders>
              <w:top w:val="none" w:sz="1" w:color="152935"/>
              <w:left w:val="single" w:sz="1" w:color="e0e0e0"/>
              <w:bottom w:val="non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bottom"/>
          </w:tcPr>
          <w:tcPr>
            <w:shd w:color="auto" w:val="clear" w:fill="ffffff"/>
          </w:tcPr>
          <w:p>
            <w:pPr>
              <w:spacing w:after="10" w:before="10"/>
              <w:ind w:left="30" w:right="40"/>
              <w:jc w:val="center"/>
            </w:pPr>
            <w:r>
              <w:rPr>
                <w:rFonts w:ascii="Arial" w:hAnsi="Arial" w:cs="Arial" w:eastAsia="Arial"/>
                <w:color w:val="264a60"/>
                <w:sz w:val="24"/>
              </w:rPr>
              <w:t>N</w:t>
            </w:r>
          </w:p>
        </w:tc>
      </w:tr>
      <w:tr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偏见_Semantic_Breadth</w:t>
            </w:r>
          </w:p>
        </w:tc>
        <w:tc>
          <w:tcPr>
            <w:tcBorders>
              <w:top w:val="single" w:sz="1" w:color="152935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442337257907326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38342018876425</w:t>
            </w:r>
          </w:p>
        </w:tc>
        <w:tc>
          <w:tcPr>
            <w:tcBorders>
              <w:top w:val="single" w:sz="1" w:color="152935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</w:tr>
      <w:tr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欺凌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4222794012448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2503652899320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</w:tr>
      <w:tr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精神病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58409415647722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60375220001856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</w:tr>
      <w:tr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none" w:sz="1" w:color="aeaeae"/>
              <w:right w:val="none" w:sz="1" w:color="152935"/>
            </w:tcBorders>
            <w:vAlign w:val="top"/>
          </w:tcPr>
          <w:tcPr>
            <w:shd w:color="auto" w:val="clear" w:fill="e0e0e0"/>
          </w:tcPr>
          <w:p>
            <w:pPr>
              <w:spacing w:after="10" w:before="15"/>
              <w:ind w:left="30" w:right="40"/>
              <w:jc w:val="left"/>
            </w:pPr>
            <w:r>
              <w:rPr>
                <w:rFonts w:ascii="Arial" w:hAnsi="Arial" w:cs="Arial" w:eastAsia="Arial"/>
                <w:color w:val="264a60"/>
                <w:sz w:val="24"/>
              </w:rPr>
              <w:t>创伤_Semantic_Breadth</w:t>
            </w:r>
          </w:p>
        </w:tc>
        <w:tc>
          <w:tcPr>
            <w:tcBorders>
              <w:top w:val="single" w:sz="1" w:color="aeaeae"/>
              <w:left w:val="none" w:sz="1" w:color="152935"/>
              <w:bottom w:val="singl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1.543096708952609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single" w:sz="1" w:color="152935"/>
              <w:right w:val="single" w:sz="1" w:color="e0e0e0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.076554924835313</w:t>
            </w:r>
          </w:p>
        </w:tc>
        <w:tc>
          <w:tcPr>
            <w:tcBorders>
              <w:top w:val="single" w:sz="1" w:color="aeaeae"/>
              <w:left w:val="single" w:sz="1" w:color="e0e0e0"/>
              <w:bottom w:val="single" w:sz="1" w:color="aeaeae"/>
              <w:bottom w:val="single" w:sz="1" w:color="152935"/>
              <w:right w:val="single" w:sz="1" w:color="e0e0e0"/>
              <w:right w:val="none" w:sz="1" w:color="152935"/>
            </w:tcBorders>
            <w:vAlign w:val="top"/>
          </w:tcPr>
          <w:tcPr>
            <w:shd w:color="auto" w:val="clear" w:fill="f9f9fb"/>
          </w:tcPr>
          <w:p>
            <w:pPr>
              <w:spacing w:after="10" w:before="15"/>
              <w:ind w:left="30" w:right="40"/>
              <w:jc w:val="right"/>
            </w:pPr>
            <w:r>
              <w:rPr>
                <w:rFonts w:ascii="Arial" w:hAnsi="Arial" w:cs="Arial" w:eastAsia="Arial"/>
                <w:color w:val="010205"/>
                <w:sz w:val="24"/>
              </w:rPr>
              <w:t>40</w:t>
            </w:r>
          </w:p>
        </w:tc>
      </w:tr>
    </w:tbl>
    <w:p>
      <w:r/>
    </w:p>
    <w:tbl>
      <w:tblPr>
        <w:tblW w:w="0" w:type="auto"/>
        <w:jc w:val="left"/>
        <w:tblLayout w:type="fixed"/>
      </w:tblPr>
      <w:tblGrid>
        <w:gridCol w:w="1071"/>
        <w:gridCol w:w="1819"/>
        <w:gridCol w:w="1139"/>
        <w:gridCol w:w="1139"/>
        <w:gridCol w:w="1428"/>
        <w:gridCol w:w="1139"/>
        <w:gridCol w:w="1139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Multivariate Tests</w:t>
            </w:r>
            <w:r>
              <w:rPr>
                <w:vertAlign w:val="superscript"/>
              </w:rPr>
              <w:t>a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tcBorders>
              <w:top w:val="basicThinLines" w:sz="1" w:color="000000"/>
              <w:left w:val="none" w:sz="1" w:color="000000"/>
              <w:bottom w:val="basicThinLines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ffect</w:t>
            </w:r>
          </w:p>
        </w:tc>
        <w:tc>
          <w:tcPr>
            <w:hMerge w:val="continue"/>
            <w:tcBorders>
              <w:top w:val="basicThinLines" w:sz="1" w:color="000000"/>
              <w:left w:val="none" w:sz="1" w:color="000000"/>
              <w:bottom w:val="basicThinLines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Valu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ypothesis 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rror 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ig.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04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87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0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87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0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1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87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0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1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87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04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6.384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4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6.384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6.384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6.384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52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2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8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2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2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26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17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.62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9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.62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9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8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.62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9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8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7.62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96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255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7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255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255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9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255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5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illai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5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70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5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Wilks' Lambd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4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70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5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otelling's Trace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70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5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Roy's Largest Roo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703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1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59</w:t>
            </w:r>
          </w:p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. Design: Intercept + Harm + Fairness + Ingroup + Authority + Purity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. Exact statistic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632"/>
        <w:gridCol w:w="2278"/>
        <w:gridCol w:w="1632"/>
        <w:gridCol w:w="1139"/>
        <w:gridCol w:w="1309"/>
        <w:gridCol w:w="1139"/>
        <w:gridCol w:w="1139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Tests of Between-Subjects Effect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ource</w:t>
            </w:r>
          </w:p>
        </w:tc>
        <w:tc>
          <w:tcPr>
            <w:tcBorders>
              <w:top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ependent Variabl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Type III Sum of Squares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Mean Squar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ig.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Corrected Model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8</w:t>
            </w:r>
            <w:r>
              <w:rPr>
                <w:vertAlign w:val="superscript"/>
              </w:rPr>
              <w:t>a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097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1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3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1</w:t>
            </w:r>
            <w:r>
              <w:rPr>
                <w:vertAlign w:val="superscript"/>
              </w:rPr>
              <w:t>b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4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9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2</w:t>
            </w:r>
            <w:r>
              <w:rPr>
                <w:vertAlign w:val="superscript"/>
              </w:rPr>
              <w:t>c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52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0</w:t>
            </w:r>
            <w:r>
              <w:rPr>
                <w:vertAlign w:val="superscript"/>
              </w:rPr>
              <w:t>d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.95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68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03.57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5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7.99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4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7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7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8.38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8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2.97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03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6.35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5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.57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0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5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6.35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37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.97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3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58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5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.7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0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11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4.6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20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3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8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3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07E-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707E-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8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59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1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990E-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990E-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6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0.39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4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8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0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6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Error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2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Total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3.2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81.1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00.5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5.47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Corrected Total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偏见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欺凌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精神病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创伤_Semantic_Breadth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shd w:color="auto" w:val="clear" w:fill="ffffff"/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shd w:color="auto" w:val="clear" w:fill="ffffff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. R Squared = .313 (Adjusted R Squared = .212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. R Squared = .394 (Adjusted R Squared = .305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c. R Squared = .152 (Adjusted R Squared = .027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hMerge w:val="restart"/>
            <w:vAlign w:val="top"/>
          </w:tcPr>
          <w:tcPr>
            <w:shd w:color="auto" w:val="clear" w:fill="ffffff"/>
          </w:tcPr>
          <w:p>
            <w:pPr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. R Squared = .568 (Adjusted R Squared = .505)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</w:tbl>
    <w:p>
      <w:r/>
    </w:p>
    <w:tbl>
      <w:tblPr>
        <w:tblW w:w="0" w:type="auto"/>
        <w:jc w:val="left"/>
        <w:tblLayout w:type="fixed"/>
      </w:tblPr>
      <w:tblGrid>
        <w:gridCol w:w="1853"/>
        <w:gridCol w:w="1071"/>
        <w:gridCol w:w="1139"/>
        <w:gridCol w:w="1139"/>
        <w:gridCol w:w="1139"/>
        <w:gridCol w:w="1139"/>
        <w:gridCol w:w="1360"/>
        <w:gridCol w:w="1377"/>
        <w:gridCol w:w="1632"/>
      </w:tblGrid>
      <w:tr>
        <w:tc>
          <w:tcPr>
            <w:hMerge w:val="restart"/>
            <w:vAlign w:val="center"/>
          </w:tcPr>
          <w:tcPr>
            <w:shd w:color="auto" w:val="clear" w:fill="ffffff"/>
          </w:tcPr>
          <w:p>
            <w:pPr>
              <w:spacing w:after="120" w:before="120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i w:val="true"/>
                <w:color w:val="000000"/>
                <w:sz w:val="24"/>
              </w:rPr>
              <w:t>Parameter Estimates</w:t>
            </w:r>
          </w:p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  <w:tc>
          <w:tcPr>
            <w:hMerge w:val="continue"/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Dependent Variable</w:t>
            </w:r>
          </w:p>
        </w:tc>
        <w:tc>
          <w:tcPr>
            <w:vMerge w:val="restart"/>
            <w:tcBorders>
              <w:top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ameter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td. Error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t</w:t>
            </w:r>
          </w:p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Sig.</w:t>
            </w:r>
          </w:p>
        </w:tc>
        <w:tc>
          <w:tcPr>
            <w:h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95% Confidence Interval</w:t>
            </w:r>
          </w:p>
        </w:tc>
        <w:tc>
          <w:tcPr>
            <w:h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restart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artial Eta Squared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Lower Bound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basicThinLines" w:sz="1" w:color="000000"/>
              <w:bottom w:val="basicThinLines" w:sz="1" w:color="000000"/>
              <w:right w:val="none" w:sz="1" w:color="000000"/>
            </w:tcBorders>
            <w:vAlign w:val="bottom"/>
          </w:tcPr>
          <w:tcPr>
            <w:shd w:color="auto" w:val="clear" w:fill="ffffff"/>
          </w:tcPr>
          <w:p>
            <w:pPr>
              <w:spacing w:after="10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Upper Bound</w:t>
            </w:r>
          </w:p>
        </w:tc>
        <w:tc>
          <w:tcPr>
            <w:vMerge w:val="continue"/>
            <w:tcBorders>
              <w:top w:val="basicThinLines" w:sz="1" w:color="000000"/>
              <w:left w:val="none" w:sz="1" w:color="000000"/>
              <w:bottom w:val="basicThinLines" w:sz="1" w:color="000000"/>
              <w:right w:val="none" w:sz="1" w:color="000000"/>
              <w:right w:val="none" w:sz="1" w:color="000000"/>
            </w:tcBorders>
          </w:tcPr>
          <w:p/>
        </w:tc>
      </w:tr>
      <w:tr>
        <w:tc>
          <w:tcPr>
            <w:vMerge w:val="restart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rejudice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545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52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0.177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36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53</w:t>
            </w:r>
          </w:p>
        </w:tc>
        <w:tc>
          <w:tcPr>
            <w:tcBorders>
              <w:top w:val="basicThinLines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53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52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57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99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5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2.95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04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79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3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8</w:t>
            </w:r>
          </w:p>
        </w:tc>
      </w:tr>
      <w:tr>
        <w:tc>
          <w:tcPr>
            <w:vMerge w:val="continue"/>
            <w:tcBorders>
              <w:top w:val="basicThinLines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5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6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Bullying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14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7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24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9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69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46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9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0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5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3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8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2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0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9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29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9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3.2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47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34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Mental disorder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84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6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6.95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3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38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58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3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5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76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3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2.26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4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0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3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2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98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3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42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7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22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5</w:t>
            </w:r>
          </w:p>
        </w:tc>
      </w:tr>
      <w:tr>
        <w:tc>
          <w:tcPr>
            <w:vMerge w:val="restart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Trauma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tercept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15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4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4.79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66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63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03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Harm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5.13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37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Fairness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8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1.25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2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1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7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5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Ingroup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46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4.96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&lt;.00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6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02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420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Autho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30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1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2.36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2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0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7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41</w:t>
            </w:r>
          </w:p>
        </w:tc>
      </w:tr>
      <w:tr>
        <w:tc>
          <w:tcPr>
            <w:vMerge w:val="continue"/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</w:tcPr>
          <w:p/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5" w:before="5"/>
              <w:ind w:left="30" w:right="40"/>
              <w:jc w:val="left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Purity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115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81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1.423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164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-.27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49</w:t>
            </w:r>
          </w:p>
        </w:tc>
        <w:tc>
          <w:tcPr>
            <w:tcBorders>
              <w:top w:val="none" w:sz="1" w:color="000000"/>
              <w:left w:val="none" w:sz="1" w:color="000000"/>
              <w:bottom w:val="none" w:sz="1" w:color="000000"/>
              <w:bottom w:val="single" w:sz="1" w:color="000000"/>
              <w:bottom w:val="basicThinLines" w:sz="1" w:color="000000"/>
              <w:right w:val="none" w:sz="1" w:color="000000"/>
              <w:right w:val="none" w:sz="1" w:color="000000"/>
            </w:tcBorders>
            <w:vAlign w:val="top"/>
          </w:tcPr>
          <w:tcPr>
            <w:shd w:color="auto" w:val="clear" w:fill="ffffff"/>
          </w:tcPr>
          <w:p>
            <w:pPr>
              <w:spacing w:after="15" w:before="5"/>
              <w:ind w:left="30" w:right="40"/>
              <w:jc w:val="center"/>
            </w:pPr>
            <w:r>
              <w:rPr>
                <w:rFonts w:ascii="Times New Roman" w:hAnsi="Times New Roman" w:cs="Times New Roman" w:eastAsia="Times New Roman"/>
                <w:color w:val="000000"/>
                <w:sz w:val="24"/>
              </w:rPr>
              <w:t>.056</w:t>
            </w:r>
          </w:p>
        </w:tc>
      </w:tr>
    </w:tbl>
    <w:sectPr>
      <w:pgSz w:h="11904" w:w="16836" w:orient="landscape"/>
      <w:pgMar w:left="1440" w:top="1440" w:right="1440" w:bottom="1440"/>
    </w:sectPr>
  </w:body>
</w:document>
</file>

<file path=word/settings.xml><?xml version="1.0" encoding="utf-8"?>
<w:settings xmlns:w="http://schemas.openxmlformats.org/wordprocessingml/2006/main"/>
</file>

<file path=word/_rels/document.xml.rels><?xml version="1.0" encoding="UTF-8" standalone="no"?><Relationships xmlns="http://schemas.openxmlformats.org/package/2006/relationships"><Relationship Id="rId1" Target="settings.xml" Type="http://schemas.openxmlformats.org/officeDocument/2006/relationships/settings"/></Relationships>
</file>

<file path=docProps/app.xml><?xml version="1.0" encoding="utf-8"?>
<Properties xmlns="http://schemas.openxmlformats.org/officeDocument/2006/extended-properties">
  <Application>Apache POI</Applicat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>
  <dcterms:created xsi:type="dcterms:W3CDTF">2024-04-28T12:32:21Z</dcterms:created>
  <dc:creator>IBM SPSS Statistics</dc:creator>
</cp:coreProperties>
</file>